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一人当たり退諸費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一人当たり退諸費!$A$1:$Q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2" uniqueCount="69">
  <si>
    <t>３.給付（７）　一人当たり医療費の推移（退職者医療分）</t>
    <rPh sb="13" eb="15">
      <t>イリョウ</t>
    </rPh>
    <rPh sb="15" eb="16">
      <t>ヒ</t>
    </rPh>
    <rPh sb="20" eb="23">
      <t>タイショクシャ</t>
    </rPh>
    <rPh sb="23" eb="25">
      <t>イリョウ</t>
    </rPh>
    <rPh sb="25" eb="26">
      <t>ブン</t>
    </rPh>
    <phoneticPr fontId="4"/>
  </si>
  <si>
    <t>保険者名</t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順</t>
  </si>
  <si>
    <t>費用額</t>
  </si>
  <si>
    <t>23→24</t>
    <phoneticPr fontId="4"/>
  </si>
  <si>
    <t>24→25</t>
    <phoneticPr fontId="4"/>
  </si>
  <si>
    <t>25→26</t>
  </si>
  <si>
    <t>26→27</t>
    <phoneticPr fontId="4"/>
  </si>
  <si>
    <t>27→28</t>
    <phoneticPr fontId="4"/>
  </si>
  <si>
    <t>（円）</t>
  </si>
  <si>
    <t>伸率%</t>
  </si>
  <si>
    <t>位</t>
    <phoneticPr fontId="4"/>
  </si>
  <si>
    <t>位</t>
  </si>
  <si>
    <t>位</t>
    <phoneticPr fontId="4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</si>
  <si>
    <t xml:space="preserve"> 医師</t>
  </si>
  <si>
    <t>－</t>
    <phoneticPr fontId="4"/>
  </si>
  <si>
    <t>－</t>
    <phoneticPr fontId="4"/>
  </si>
  <si>
    <t>－</t>
    <phoneticPr fontId="4"/>
  </si>
  <si>
    <t>－</t>
    <phoneticPr fontId="4"/>
  </si>
  <si>
    <t xml:space="preserve"> 歯科医師</t>
  </si>
  <si>
    <t>－</t>
    <phoneticPr fontId="4"/>
  </si>
  <si>
    <t>－</t>
    <phoneticPr fontId="4"/>
  </si>
  <si>
    <t>－</t>
    <phoneticPr fontId="4"/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0.00_ "/>
  </numFmts>
  <fonts count="8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72">
    <xf numFmtId="0" fontId="0" fillId="0" borderId="0" xfId="0"/>
    <xf numFmtId="49" fontId="2" fillId="0" borderId="0" xfId="1" applyNumberFormat="1" applyFont="1"/>
    <xf numFmtId="38" fontId="5" fillId="0" borderId="0" xfId="1" applyFont="1"/>
    <xf numFmtId="38" fontId="6" fillId="0" borderId="0" xfId="1" quotePrefix="1" applyFont="1"/>
    <xf numFmtId="38" fontId="5" fillId="0" borderId="0" xfId="1" quotePrefix="1" applyFont="1"/>
    <xf numFmtId="38" fontId="5" fillId="0" borderId="0" xfId="1" applyFont="1" applyAlignment="1">
      <alignment vertical="center"/>
    </xf>
    <xf numFmtId="38" fontId="5" fillId="0" borderId="14" xfId="1" applyFont="1" applyBorder="1" applyAlignment="1">
      <alignment horizontal="center"/>
    </xf>
    <xf numFmtId="38" fontId="5" fillId="0" borderId="12" xfId="1" applyFont="1" applyBorder="1" applyAlignment="1">
      <alignment horizontal="center"/>
    </xf>
    <xf numFmtId="38" fontId="5" fillId="0" borderId="15" xfId="1" quotePrefix="1" applyFont="1" applyBorder="1" applyAlignment="1">
      <alignment horizontal="center"/>
    </xf>
    <xf numFmtId="38" fontId="5" fillId="0" borderId="0" xfId="1" applyFont="1" applyBorder="1" applyAlignment="1">
      <alignment horizontal="center"/>
    </xf>
    <xf numFmtId="38" fontId="5" fillId="0" borderId="16" xfId="1" quotePrefix="1" applyFont="1" applyBorder="1" applyAlignment="1">
      <alignment horizontal="center"/>
    </xf>
    <xf numFmtId="38" fontId="5" fillId="0" borderId="17" xfId="1" applyFont="1" applyBorder="1" applyAlignment="1">
      <alignment horizontal="center"/>
    </xf>
    <xf numFmtId="38" fontId="5" fillId="0" borderId="18" xfId="1" quotePrefix="1" applyFont="1" applyBorder="1" applyAlignment="1">
      <alignment horizontal="center"/>
    </xf>
    <xf numFmtId="38" fontId="5" fillId="0" borderId="19" xfId="1" applyFont="1" applyBorder="1" applyAlignment="1">
      <alignment horizontal="center"/>
    </xf>
    <xf numFmtId="38" fontId="5" fillId="0" borderId="20" xfId="1" applyFont="1" applyBorder="1" applyAlignment="1">
      <alignment horizontal="center"/>
    </xf>
    <xf numFmtId="38" fontId="5" fillId="0" borderId="21" xfId="1" quotePrefix="1" applyFont="1" applyBorder="1" applyAlignment="1">
      <alignment horizontal="center"/>
    </xf>
    <xf numFmtId="38" fontId="5" fillId="0" borderId="22" xfId="1" quotePrefix="1" applyFont="1" applyBorder="1" applyAlignment="1">
      <alignment horizontal="center"/>
    </xf>
    <xf numFmtId="38" fontId="5" fillId="0" borderId="23" xfId="1" applyFont="1" applyBorder="1" applyAlignment="1">
      <alignment horizontal="center"/>
    </xf>
    <xf numFmtId="38" fontId="5" fillId="0" borderId="24" xfId="1" quotePrefix="1" applyFont="1" applyBorder="1" applyAlignment="1">
      <alignment horizontal="center"/>
    </xf>
    <xf numFmtId="38" fontId="5" fillId="0" borderId="27" xfId="1" applyFont="1" applyBorder="1" applyAlignment="1">
      <alignment horizontal="center"/>
    </xf>
    <xf numFmtId="38" fontId="5" fillId="0" borderId="29" xfId="1" applyFont="1" applyBorder="1" applyAlignment="1">
      <alignment horizontal="center"/>
    </xf>
    <xf numFmtId="38" fontId="5" fillId="0" borderId="28" xfId="1" applyFont="1" applyBorder="1" applyAlignment="1">
      <alignment horizontal="center"/>
    </xf>
    <xf numFmtId="38" fontId="5" fillId="0" borderId="30" xfId="1" applyFont="1" applyBorder="1" applyAlignment="1">
      <alignment horizontal="centerContinuous"/>
    </xf>
    <xf numFmtId="38" fontId="5" fillId="0" borderId="32" xfId="1" applyFont="1" applyBorder="1" applyAlignment="1">
      <alignment horizontal="centerContinuous"/>
    </xf>
    <xf numFmtId="38" fontId="5" fillId="0" borderId="32" xfId="1" applyFont="1" applyBorder="1" applyAlignment="1">
      <alignment horizontal="center"/>
    </xf>
    <xf numFmtId="38" fontId="5" fillId="0" borderId="31" xfId="1" applyFont="1" applyBorder="1" applyAlignment="1">
      <alignment horizontal="center"/>
    </xf>
    <xf numFmtId="38" fontId="5" fillId="0" borderId="30" xfId="1" applyFont="1" applyBorder="1" applyAlignment="1">
      <alignment horizontal="center"/>
    </xf>
    <xf numFmtId="38" fontId="5" fillId="0" borderId="26" xfId="1" applyFont="1" applyBorder="1" applyAlignment="1">
      <alignment horizontal="centerContinuous"/>
    </xf>
    <xf numFmtId="38" fontId="5" fillId="0" borderId="33" xfId="1" applyFont="1" applyBorder="1" applyAlignment="1">
      <alignment horizontal="center"/>
    </xf>
    <xf numFmtId="38" fontId="5" fillId="0" borderId="34" xfId="1" applyFont="1" applyBorder="1" applyAlignment="1">
      <alignment horizontal="centerContinuous"/>
    </xf>
    <xf numFmtId="38" fontId="5" fillId="0" borderId="10" xfId="1" applyFont="1" applyBorder="1"/>
    <xf numFmtId="38" fontId="7" fillId="0" borderId="35" xfId="1" applyFont="1" applyBorder="1"/>
    <xf numFmtId="38" fontId="5" fillId="0" borderId="37" xfId="1" applyFont="1" applyBorder="1"/>
    <xf numFmtId="38" fontId="5" fillId="0" borderId="36" xfId="1" applyNumberFormat="1" applyFont="1" applyBorder="1"/>
    <xf numFmtId="38" fontId="5" fillId="0" borderId="40" xfId="1" applyNumberFormat="1" applyFont="1" applyBorder="1"/>
    <xf numFmtId="38" fontId="5" fillId="0" borderId="43" xfId="1" applyFont="1" applyBorder="1"/>
    <xf numFmtId="38" fontId="5" fillId="0" borderId="42" xfId="1" applyNumberFormat="1" applyFont="1" applyBorder="1"/>
    <xf numFmtId="38" fontId="5" fillId="0" borderId="42" xfId="2" applyFont="1" applyBorder="1"/>
    <xf numFmtId="38" fontId="5" fillId="0" borderId="37" xfId="2" applyFont="1" applyBorder="1"/>
    <xf numFmtId="176" fontId="5" fillId="0" borderId="36" xfId="2" applyNumberFormat="1" applyFont="1" applyBorder="1"/>
    <xf numFmtId="176" fontId="5" fillId="0" borderId="40" xfId="2" applyNumberFormat="1" applyFont="1" applyBorder="1"/>
    <xf numFmtId="2" fontId="5" fillId="0" borderId="41" xfId="2" applyNumberFormat="1" applyFont="1" applyBorder="1"/>
    <xf numFmtId="38" fontId="5" fillId="0" borderId="0" xfId="1" applyFont="1" applyBorder="1"/>
    <xf numFmtId="38" fontId="5" fillId="0" borderId="39" xfId="1" applyFont="1" applyBorder="1"/>
    <xf numFmtId="38" fontId="5" fillId="0" borderId="40" xfId="1" applyFont="1" applyBorder="1"/>
    <xf numFmtId="38" fontId="5" fillId="0" borderId="45" xfId="1" applyFont="1" applyBorder="1"/>
    <xf numFmtId="38" fontId="7" fillId="0" borderId="46" xfId="1" applyFont="1" applyBorder="1"/>
    <xf numFmtId="38" fontId="5" fillId="0" borderId="48" xfId="1" applyFont="1" applyBorder="1"/>
    <xf numFmtId="38" fontId="5" fillId="0" borderId="16" xfId="1" applyFont="1" applyBorder="1"/>
    <xf numFmtId="38" fontId="5" fillId="0" borderId="51" xfId="1" applyNumberFormat="1" applyFont="1" applyBorder="1"/>
    <xf numFmtId="38" fontId="5" fillId="0" borderId="52" xfId="1" applyNumberFormat="1" applyFont="1" applyBorder="1"/>
    <xf numFmtId="38" fontId="5" fillId="0" borderId="50" xfId="1" applyFont="1" applyBorder="1"/>
    <xf numFmtId="38" fontId="5" fillId="0" borderId="52" xfId="1" applyFont="1" applyBorder="1"/>
    <xf numFmtId="38" fontId="5" fillId="0" borderId="51" xfId="2" applyFont="1" applyBorder="1"/>
    <xf numFmtId="38" fontId="5" fillId="0" borderId="16" xfId="2" applyFont="1" applyBorder="1"/>
    <xf numFmtId="176" fontId="5" fillId="0" borderId="47" xfId="2" applyNumberFormat="1" applyFont="1" applyBorder="1"/>
    <xf numFmtId="176" fontId="5" fillId="0" borderId="52" xfId="2" applyNumberFormat="1" applyFont="1" applyBorder="1"/>
    <xf numFmtId="2" fontId="5" fillId="0" borderId="53" xfId="2" applyNumberFormat="1" applyFont="1" applyBorder="1"/>
    <xf numFmtId="38" fontId="5" fillId="0" borderId="54" xfId="1" applyFont="1" applyBorder="1"/>
    <xf numFmtId="38" fontId="5" fillId="0" borderId="55" xfId="1" applyFont="1" applyBorder="1"/>
    <xf numFmtId="38" fontId="5" fillId="0" borderId="32" xfId="1" applyNumberFormat="1" applyFont="1" applyBorder="1"/>
    <xf numFmtId="38" fontId="5" fillId="0" borderId="31" xfId="1" applyNumberFormat="1" applyFont="1" applyBorder="1"/>
    <xf numFmtId="38" fontId="5" fillId="0" borderId="30" xfId="1" applyFont="1" applyBorder="1"/>
    <xf numFmtId="38" fontId="5" fillId="0" borderId="31" xfId="1" applyFont="1" applyBorder="1"/>
    <xf numFmtId="38" fontId="5" fillId="0" borderId="32" xfId="2" applyFont="1" applyBorder="1"/>
    <xf numFmtId="38" fontId="5" fillId="0" borderId="55" xfId="2" applyFont="1" applyBorder="1"/>
    <xf numFmtId="176" fontId="5" fillId="0" borderId="27" xfId="2" applyNumberFormat="1" applyFont="1" applyBorder="1"/>
    <xf numFmtId="176" fontId="5" fillId="0" borderId="31" xfId="2" applyNumberFormat="1" applyFont="1" applyBorder="1"/>
    <xf numFmtId="2" fontId="5" fillId="0" borderId="26" xfId="2" applyNumberFormat="1" applyFont="1" applyBorder="1"/>
    <xf numFmtId="38" fontId="5" fillId="0" borderId="33" xfId="1" applyFont="1" applyBorder="1"/>
    <xf numFmtId="38" fontId="5" fillId="0" borderId="48" xfId="2" applyFont="1" applyBorder="1"/>
    <xf numFmtId="38" fontId="5" fillId="0" borderId="32" xfId="1" applyNumberFormat="1" applyFont="1" applyBorder="1" applyAlignment="1">
      <alignment horizontal="center"/>
    </xf>
    <xf numFmtId="38" fontId="5" fillId="0" borderId="43" xfId="1" applyFont="1" applyBorder="1" applyAlignment="1">
      <alignment horizontal="center"/>
    </xf>
    <xf numFmtId="38" fontId="5" fillId="0" borderId="30" xfId="1" applyNumberFormat="1" applyFont="1" applyBorder="1" applyAlignment="1">
      <alignment horizontal="center"/>
    </xf>
    <xf numFmtId="38" fontId="5" fillId="0" borderId="31" xfId="1" applyNumberFormat="1" applyFont="1" applyBorder="1" applyAlignment="1">
      <alignment horizontal="center"/>
    </xf>
    <xf numFmtId="38" fontId="5" fillId="0" borderId="28" xfId="1" applyNumberFormat="1" applyFont="1" applyBorder="1" applyAlignment="1">
      <alignment horizontal="center"/>
    </xf>
    <xf numFmtId="38" fontId="5" fillId="0" borderId="32" xfId="2" applyFont="1" applyBorder="1" applyAlignment="1">
      <alignment horizontal="center"/>
    </xf>
    <xf numFmtId="38" fontId="5" fillId="0" borderId="31" xfId="2" applyFont="1" applyBorder="1" applyAlignment="1">
      <alignment horizontal="center"/>
    </xf>
    <xf numFmtId="38" fontId="5" fillId="0" borderId="30" xfId="2" applyNumberFormat="1" applyFont="1" applyBorder="1" applyAlignment="1">
      <alignment horizontal="center"/>
    </xf>
    <xf numFmtId="176" fontId="5" fillId="0" borderId="36" xfId="2" applyNumberFormat="1" applyFont="1" applyBorder="1" applyAlignment="1">
      <alignment horizontal="center"/>
    </xf>
    <xf numFmtId="176" fontId="5" fillId="0" borderId="40" xfId="2" applyNumberFormat="1" applyFont="1" applyBorder="1" applyAlignment="1">
      <alignment horizontal="center"/>
    </xf>
    <xf numFmtId="2" fontId="5" fillId="0" borderId="41" xfId="2" applyNumberFormat="1" applyFont="1" applyBorder="1" applyAlignment="1">
      <alignment horizontal="center"/>
    </xf>
    <xf numFmtId="38" fontId="5" fillId="0" borderId="58" xfId="1" applyNumberFormat="1" applyFont="1" applyBorder="1" applyAlignment="1">
      <alignment horizontal="center"/>
    </xf>
    <xf numFmtId="38" fontId="5" fillId="0" borderId="0" xfId="1" applyFont="1" applyAlignment="1">
      <alignment horizontal="center"/>
    </xf>
    <xf numFmtId="38" fontId="5" fillId="0" borderId="40" xfId="1" applyFont="1" applyBorder="1" applyAlignment="1">
      <alignment horizontal="center"/>
    </xf>
    <xf numFmtId="38" fontId="5" fillId="0" borderId="42" xfId="2" applyFont="1" applyBorder="1" applyAlignment="1">
      <alignment horizontal="center"/>
    </xf>
    <xf numFmtId="38" fontId="5" fillId="0" borderId="40" xfId="2" applyFont="1" applyBorder="1" applyAlignment="1">
      <alignment horizontal="center"/>
    </xf>
    <xf numFmtId="38" fontId="5" fillId="0" borderId="0" xfId="1" applyNumberFormat="1" applyFont="1" applyBorder="1" applyAlignment="1">
      <alignment horizontal="center"/>
    </xf>
    <xf numFmtId="38" fontId="5" fillId="0" borderId="20" xfId="1" applyNumberFormat="1" applyFont="1" applyBorder="1" applyAlignment="1">
      <alignment horizontal="center"/>
    </xf>
    <xf numFmtId="38" fontId="5" fillId="0" borderId="13" xfId="1" applyNumberFormat="1" applyFont="1" applyBorder="1" applyAlignment="1">
      <alignment horizontal="center"/>
    </xf>
    <xf numFmtId="38" fontId="5" fillId="0" borderId="19" xfId="1" applyNumberFormat="1" applyFont="1" applyBorder="1" applyAlignment="1">
      <alignment horizontal="center"/>
    </xf>
    <xf numFmtId="38" fontId="5" fillId="0" borderId="21" xfId="2" applyFont="1" applyBorder="1" applyAlignment="1">
      <alignment horizontal="center"/>
    </xf>
    <xf numFmtId="38" fontId="5" fillId="0" borderId="14" xfId="2" applyFont="1" applyBorder="1" applyAlignment="1">
      <alignment horizontal="center"/>
    </xf>
    <xf numFmtId="38" fontId="5" fillId="0" borderId="0" xfId="2" applyNumberFormat="1" applyFont="1" applyBorder="1" applyAlignment="1">
      <alignment horizontal="center"/>
    </xf>
    <xf numFmtId="176" fontId="5" fillId="0" borderId="47" xfId="2" applyNumberFormat="1" applyFont="1" applyBorder="1" applyAlignment="1">
      <alignment horizontal="center"/>
    </xf>
    <xf numFmtId="176" fontId="5" fillId="0" borderId="52" xfId="2" applyNumberFormat="1" applyFont="1" applyBorder="1" applyAlignment="1">
      <alignment horizontal="center"/>
    </xf>
    <xf numFmtId="2" fontId="5" fillId="0" borderId="53" xfId="2" applyNumberFormat="1" applyFont="1" applyBorder="1" applyAlignment="1">
      <alignment horizontal="center"/>
    </xf>
    <xf numFmtId="38" fontId="5" fillId="0" borderId="59" xfId="1" applyNumberFormat="1" applyFont="1" applyBorder="1" applyAlignment="1">
      <alignment horizontal="center"/>
    </xf>
    <xf numFmtId="40" fontId="5" fillId="0" borderId="64" xfId="1" applyNumberFormat="1" applyFont="1" applyBorder="1"/>
    <xf numFmtId="40" fontId="5" fillId="0" borderId="66" xfId="1" applyNumberFormat="1" applyFont="1" applyBorder="1"/>
    <xf numFmtId="38" fontId="5" fillId="0" borderId="66" xfId="1" applyFont="1" applyBorder="1" applyAlignment="1">
      <alignment horizontal="center"/>
    </xf>
    <xf numFmtId="38" fontId="5" fillId="0" borderId="67" xfId="1" applyNumberFormat="1" applyFont="1" applyBorder="1"/>
    <xf numFmtId="38" fontId="5" fillId="0" borderId="65" xfId="1" applyFont="1" applyBorder="1"/>
    <xf numFmtId="38" fontId="5" fillId="0" borderId="67" xfId="2" applyFont="1" applyBorder="1" applyAlignment="1">
      <alignment horizontal="right"/>
    </xf>
    <xf numFmtId="38" fontId="5" fillId="0" borderId="66" xfId="2" applyFont="1" applyBorder="1" applyAlignment="1">
      <alignment horizontal="center"/>
    </xf>
    <xf numFmtId="40" fontId="5" fillId="0" borderId="63" xfId="2" applyNumberFormat="1" applyFont="1" applyBorder="1"/>
    <xf numFmtId="176" fontId="5" fillId="0" borderId="62" xfId="2" applyNumberFormat="1" applyFont="1" applyBorder="1"/>
    <xf numFmtId="176" fontId="5" fillId="0" borderId="66" xfId="2" applyNumberFormat="1" applyFont="1" applyBorder="1" applyAlignment="1">
      <alignment horizontal="center"/>
    </xf>
    <xf numFmtId="2" fontId="5" fillId="0" borderId="61" xfId="2" applyNumberFormat="1" applyFont="1" applyBorder="1"/>
    <xf numFmtId="38" fontId="5" fillId="0" borderId="68" xfId="1" applyFont="1" applyBorder="1" applyAlignment="1">
      <alignment horizontal="right"/>
    </xf>
    <xf numFmtId="38" fontId="5" fillId="0" borderId="65" xfId="1" applyNumberFormat="1" applyFont="1" applyBorder="1" applyAlignment="1">
      <alignment horizontal="center"/>
    </xf>
    <xf numFmtId="38" fontId="5" fillId="0" borderId="66" xfId="1" applyNumberFormat="1" applyFont="1" applyBorder="1" applyAlignment="1">
      <alignment horizontal="center"/>
    </xf>
    <xf numFmtId="38" fontId="5" fillId="0" borderId="68" xfId="1" applyFont="1" applyBorder="1" applyAlignment="1">
      <alignment horizontal="center"/>
    </xf>
    <xf numFmtId="38" fontId="5" fillId="0" borderId="64" xfId="1" applyNumberFormat="1" applyFont="1" applyBorder="1" applyAlignment="1">
      <alignment horizontal="center"/>
    </xf>
    <xf numFmtId="38" fontId="5" fillId="0" borderId="67" xfId="1" applyNumberFormat="1" applyFont="1" applyBorder="1" applyAlignment="1">
      <alignment horizontal="center"/>
    </xf>
    <xf numFmtId="38" fontId="5" fillId="0" borderId="67" xfId="2" applyFont="1" applyBorder="1" applyAlignment="1">
      <alignment horizontal="center"/>
    </xf>
    <xf numFmtId="38" fontId="5" fillId="0" borderId="65" xfId="2" applyNumberFormat="1" applyFont="1" applyBorder="1" applyAlignment="1">
      <alignment horizontal="center"/>
    </xf>
    <xf numFmtId="176" fontId="5" fillId="0" borderId="62" xfId="2" applyNumberFormat="1" applyFont="1" applyBorder="1" applyAlignment="1">
      <alignment horizontal="center"/>
    </xf>
    <xf numFmtId="2" fontId="5" fillId="0" borderId="61" xfId="2" applyNumberFormat="1" applyFont="1" applyBorder="1" applyAlignment="1">
      <alignment horizontal="center"/>
    </xf>
    <xf numFmtId="38" fontId="5" fillId="0" borderId="73" xfId="1" applyFont="1" applyBorder="1"/>
    <xf numFmtId="38" fontId="5" fillId="0" borderId="75" xfId="1" applyFont="1" applyBorder="1" applyAlignment="1">
      <alignment horizontal="center"/>
    </xf>
    <xf numFmtId="40" fontId="5" fillId="0" borderId="81" xfId="1" applyNumberFormat="1" applyFont="1" applyBorder="1"/>
    <xf numFmtId="38" fontId="5" fillId="0" borderId="79" xfId="1" applyNumberFormat="1" applyFont="1" applyBorder="1"/>
    <xf numFmtId="40" fontId="5" fillId="0" borderId="80" xfId="1" applyNumberFormat="1" applyFont="1" applyBorder="1"/>
    <xf numFmtId="40" fontId="5" fillId="0" borderId="80" xfId="1" applyNumberFormat="1" applyFont="1" applyBorder="1" applyAlignment="1">
      <alignment horizontal="center"/>
    </xf>
    <xf numFmtId="38" fontId="5" fillId="0" borderId="76" xfId="2" applyFont="1" applyBorder="1" applyAlignment="1">
      <alignment horizontal="right"/>
    </xf>
    <xf numFmtId="38" fontId="5" fillId="0" borderId="75" xfId="2" applyFont="1" applyBorder="1" applyAlignment="1">
      <alignment horizontal="center"/>
    </xf>
    <xf numFmtId="40" fontId="5" fillId="0" borderId="74" xfId="2" applyNumberFormat="1" applyFont="1" applyBorder="1"/>
    <xf numFmtId="176" fontId="5" fillId="0" borderId="78" xfId="2" applyNumberFormat="1" applyFont="1" applyBorder="1"/>
    <xf numFmtId="176" fontId="5" fillId="0" borderId="80" xfId="2" applyNumberFormat="1" applyFont="1" applyBorder="1" applyAlignment="1">
      <alignment horizontal="center"/>
    </xf>
    <xf numFmtId="2" fontId="5" fillId="0" borderId="82" xfId="2" applyNumberFormat="1" applyFont="1" applyBorder="1"/>
    <xf numFmtId="38" fontId="5" fillId="0" borderId="77" xfId="1" applyFont="1" applyBorder="1" applyAlignment="1">
      <alignment horizontal="right"/>
    </xf>
    <xf numFmtId="4" fontId="5" fillId="0" borderId="38" xfId="1" applyNumberFormat="1" applyFont="1" applyBorder="1"/>
    <xf numFmtId="4" fontId="5" fillId="0" borderId="49" xfId="1" applyNumberFormat="1" applyFont="1" applyBorder="1"/>
    <xf numFmtId="4" fontId="5" fillId="0" borderId="28" xfId="1" applyNumberFormat="1" applyFont="1" applyBorder="1"/>
    <xf numFmtId="4" fontId="5" fillId="0" borderId="39" xfId="1" applyNumberFormat="1" applyFont="1" applyBorder="1"/>
    <xf numFmtId="4" fontId="5" fillId="0" borderId="50" xfId="1" applyNumberFormat="1" applyFont="1" applyBorder="1"/>
    <xf numFmtId="4" fontId="5" fillId="0" borderId="30" xfId="1" applyNumberFormat="1" applyFont="1" applyBorder="1"/>
    <xf numFmtId="4" fontId="5" fillId="0" borderId="37" xfId="2" applyNumberFormat="1" applyFont="1" applyBorder="1"/>
    <xf numFmtId="4" fontId="5" fillId="0" borderId="16" xfId="2" applyNumberFormat="1" applyFont="1" applyBorder="1"/>
    <xf numFmtId="4" fontId="5" fillId="0" borderId="55" xfId="2" applyNumberFormat="1" applyFont="1" applyBorder="1"/>
    <xf numFmtId="4" fontId="5" fillId="0" borderId="48" xfId="2" applyNumberFormat="1" applyFont="1" applyBorder="1"/>
    <xf numFmtId="4" fontId="5" fillId="0" borderId="44" xfId="1" applyNumberFormat="1" applyFont="1" applyBorder="1"/>
    <xf numFmtId="4" fontId="5" fillId="0" borderId="24" xfId="1" applyNumberFormat="1" applyFont="1" applyBorder="1"/>
    <xf numFmtId="4" fontId="5" fillId="0" borderId="56" xfId="1" applyNumberFormat="1" applyFont="1" applyBorder="1"/>
    <xf numFmtId="4" fontId="5" fillId="0" borderId="57" xfId="1" applyNumberFormat="1" applyFont="1" applyBorder="1"/>
    <xf numFmtId="177" fontId="5" fillId="0" borderId="69" xfId="1" applyNumberFormat="1" applyFont="1" applyBorder="1"/>
    <xf numFmtId="177" fontId="5" fillId="0" borderId="70" xfId="1" applyNumberFormat="1" applyFont="1" applyBorder="1" applyAlignment="1">
      <alignment horizontal="center"/>
    </xf>
    <xf numFmtId="177" fontId="5" fillId="0" borderId="83" xfId="1" applyNumberFormat="1" applyFont="1" applyBorder="1"/>
    <xf numFmtId="177" fontId="5" fillId="0" borderId="65" xfId="1" applyNumberFormat="1" applyFont="1" applyBorder="1"/>
    <xf numFmtId="177" fontId="5" fillId="0" borderId="65" xfId="1" applyNumberFormat="1" applyFont="1" applyBorder="1" applyAlignment="1">
      <alignment horizontal="center"/>
    </xf>
    <xf numFmtId="177" fontId="5" fillId="0" borderId="73" xfId="1" applyNumberFormat="1" applyFont="1" applyBorder="1"/>
    <xf numFmtId="38" fontId="5" fillId="0" borderId="60" xfId="1" applyFont="1" applyBorder="1" applyAlignment="1">
      <alignment horizontal="distributed" justifyLastLine="1"/>
    </xf>
    <xf numFmtId="38" fontId="5" fillId="0" borderId="61" xfId="1" applyFont="1" applyBorder="1" applyAlignment="1">
      <alignment horizontal="distributed" justifyLastLine="1"/>
    </xf>
    <xf numFmtId="38" fontId="5" fillId="0" borderId="71" xfId="1" applyFont="1" applyBorder="1" applyAlignment="1">
      <alignment horizontal="distributed" justifyLastLine="1"/>
    </xf>
    <xf numFmtId="38" fontId="5" fillId="0" borderId="72" xfId="1" applyFont="1" applyBorder="1" applyAlignment="1">
      <alignment horizontal="distributed" justifyLastLine="1"/>
    </xf>
    <xf numFmtId="38" fontId="5" fillId="0" borderId="6" xfId="1" quotePrefix="1" applyFont="1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0" fontId="5" fillId="0" borderId="3" xfId="0" quotePrefix="1" applyFont="1" applyBorder="1" applyAlignment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38" fontId="5" fillId="0" borderId="4" xfId="1" quotePrefix="1" applyFont="1" applyBorder="1" applyAlignment="1">
      <alignment horizontal="distributed" justifyLastLine="1"/>
    </xf>
    <xf numFmtId="0" fontId="0" fillId="0" borderId="9" xfId="0" applyBorder="1" applyAlignment="1">
      <alignment horizontal="distributed" justifyLastLine="1"/>
    </xf>
    <xf numFmtId="38" fontId="5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0" fillId="0" borderId="25" xfId="0" applyBorder="1" applyAlignment="1">
      <alignment horizontal="distributed" vertical="center" justifyLastLine="1"/>
    </xf>
    <xf numFmtId="0" fontId="0" fillId="0" borderId="26" xfId="0" applyBorder="1" applyAlignment="1">
      <alignment horizontal="distributed" vertical="center" justifyLastLine="1"/>
    </xf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BB47"/>
  <sheetViews>
    <sheetView tabSelected="1" view="pageBreakPreview" zoomScaleNormal="100" zoomScaleSheetLayoutView="100" workbookViewId="0">
      <selection activeCell="L13" sqref="L13"/>
    </sheetView>
  </sheetViews>
  <sheetFormatPr defaultRowHeight="11.25" x14ac:dyDescent="0.15"/>
  <cols>
    <col min="1" max="1" width="3.625" style="2" customWidth="1"/>
    <col min="2" max="2" width="9.875" style="2" customWidth="1"/>
    <col min="3" max="3" width="8.125" style="2" customWidth="1"/>
    <col min="4" max="4" width="3.125" style="2" customWidth="1"/>
    <col min="5" max="5" width="6.25" style="2" customWidth="1"/>
    <col min="6" max="6" width="8.125" style="2" customWidth="1"/>
    <col min="7" max="7" width="3.125" style="2" customWidth="1"/>
    <col min="8" max="8" width="6.25" style="2" customWidth="1"/>
    <col min="9" max="9" width="8.125" style="2" customWidth="1"/>
    <col min="10" max="10" width="3.125" style="2" customWidth="1"/>
    <col min="11" max="11" width="6.25" style="2" customWidth="1"/>
    <col min="12" max="12" width="8.125" style="2" customWidth="1"/>
    <col min="13" max="13" width="3.125" style="2" customWidth="1"/>
    <col min="14" max="14" width="6.25" style="2" customWidth="1"/>
    <col min="15" max="15" width="8.125" style="2" customWidth="1"/>
    <col min="16" max="16" width="3.125" style="2" customWidth="1"/>
    <col min="17" max="17" width="6.25" style="2" customWidth="1"/>
    <col min="18" max="16384" width="9" style="2"/>
  </cols>
  <sheetData>
    <row r="1" spans="1:19" ht="16.5" customHeight="1" x14ac:dyDescent="0.15">
      <c r="A1" s="1" t="s">
        <v>0</v>
      </c>
      <c r="R1" s="3"/>
    </row>
    <row r="2" spans="1:19" ht="11.1" customHeight="1" thickBot="1" x14ac:dyDescent="0.2">
      <c r="R2" s="4"/>
    </row>
    <row r="3" spans="1:19" s="5" customFormat="1" ht="15" customHeight="1" x14ac:dyDescent="0.15">
      <c r="A3" s="166" t="s">
        <v>1</v>
      </c>
      <c r="B3" s="167"/>
      <c r="C3" s="156" t="s">
        <v>2</v>
      </c>
      <c r="D3" s="157"/>
      <c r="E3" s="158"/>
      <c r="F3" s="159" t="s">
        <v>3</v>
      </c>
      <c r="G3" s="160"/>
      <c r="H3" s="161"/>
      <c r="I3" s="159" t="s">
        <v>4</v>
      </c>
      <c r="J3" s="160"/>
      <c r="K3" s="160"/>
      <c r="L3" s="159" t="s">
        <v>5</v>
      </c>
      <c r="M3" s="162"/>
      <c r="N3" s="163"/>
      <c r="O3" s="164" t="s">
        <v>6</v>
      </c>
      <c r="P3" s="162"/>
      <c r="Q3" s="165"/>
    </row>
    <row r="4" spans="1:19" ht="12.75" customHeight="1" x14ac:dyDescent="0.15">
      <c r="A4" s="168"/>
      <c r="B4" s="169"/>
      <c r="C4" s="13" t="s">
        <v>8</v>
      </c>
      <c r="D4" s="14" t="s">
        <v>7</v>
      </c>
      <c r="E4" s="8" t="s">
        <v>9</v>
      </c>
      <c r="F4" s="9" t="s">
        <v>8</v>
      </c>
      <c r="G4" s="6" t="s">
        <v>7</v>
      </c>
      <c r="H4" s="12" t="s">
        <v>10</v>
      </c>
      <c r="I4" s="15" t="s">
        <v>8</v>
      </c>
      <c r="J4" s="12" t="s">
        <v>7</v>
      </c>
      <c r="K4" s="10" t="s">
        <v>11</v>
      </c>
      <c r="L4" s="11" t="s">
        <v>8</v>
      </c>
      <c r="M4" s="6" t="s">
        <v>7</v>
      </c>
      <c r="N4" s="16" t="s">
        <v>12</v>
      </c>
      <c r="O4" s="17" t="s">
        <v>8</v>
      </c>
      <c r="P4" s="7" t="s">
        <v>7</v>
      </c>
      <c r="Q4" s="18" t="s">
        <v>13</v>
      </c>
    </row>
    <row r="5" spans="1:19" ht="12.75" customHeight="1" x14ac:dyDescent="0.15">
      <c r="A5" s="170"/>
      <c r="B5" s="171"/>
      <c r="C5" s="24" t="s">
        <v>14</v>
      </c>
      <c r="D5" s="25" t="s">
        <v>16</v>
      </c>
      <c r="E5" s="21" t="s">
        <v>15</v>
      </c>
      <c r="F5" s="26" t="s">
        <v>14</v>
      </c>
      <c r="G5" s="25" t="s">
        <v>18</v>
      </c>
      <c r="H5" s="26" t="s">
        <v>15</v>
      </c>
      <c r="I5" s="23" t="s">
        <v>14</v>
      </c>
      <c r="J5" s="22" t="s">
        <v>17</v>
      </c>
      <c r="K5" s="20" t="s">
        <v>15</v>
      </c>
      <c r="L5" s="19" t="s">
        <v>14</v>
      </c>
      <c r="M5" s="25" t="s">
        <v>18</v>
      </c>
      <c r="N5" s="27" t="s">
        <v>15</v>
      </c>
      <c r="O5" s="28" t="s">
        <v>14</v>
      </c>
      <c r="P5" s="20" t="s">
        <v>18</v>
      </c>
      <c r="Q5" s="29" t="s">
        <v>15</v>
      </c>
    </row>
    <row r="6" spans="1:19" ht="19.5" customHeight="1" x14ac:dyDescent="0.15">
      <c r="A6" s="30">
        <v>1</v>
      </c>
      <c r="B6" s="31" t="s">
        <v>19</v>
      </c>
      <c r="C6" s="36">
        <v>402052</v>
      </c>
      <c r="D6" s="34">
        <v>5</v>
      </c>
      <c r="E6" s="132">
        <v>7.62</v>
      </c>
      <c r="F6" s="33">
        <v>415191</v>
      </c>
      <c r="G6" s="34">
        <v>5</v>
      </c>
      <c r="H6" s="135">
        <v>3.27</v>
      </c>
      <c r="I6" s="37">
        <v>406397</v>
      </c>
      <c r="J6" s="38">
        <v>10</v>
      </c>
      <c r="K6" s="138">
        <v>-2.12</v>
      </c>
      <c r="L6" s="39">
        <v>427705</v>
      </c>
      <c r="M6" s="40">
        <v>9</v>
      </c>
      <c r="N6" s="41">
        <v>5.24</v>
      </c>
      <c r="O6" s="35">
        <v>422524</v>
      </c>
      <c r="P6" s="32">
        <v>8</v>
      </c>
      <c r="Q6" s="142">
        <v>-1.21</v>
      </c>
      <c r="S6" s="42"/>
    </row>
    <row r="7" spans="1:19" ht="19.5" customHeight="1" x14ac:dyDescent="0.15">
      <c r="A7" s="30">
        <v>2</v>
      </c>
      <c r="B7" s="31" t="s">
        <v>20</v>
      </c>
      <c r="C7" s="36">
        <v>451187</v>
      </c>
      <c r="D7" s="34">
        <v>1</v>
      </c>
      <c r="E7" s="132">
        <v>12.42</v>
      </c>
      <c r="F7" s="43">
        <v>417023</v>
      </c>
      <c r="G7" s="44">
        <v>4</v>
      </c>
      <c r="H7" s="135">
        <v>-7.57</v>
      </c>
      <c r="I7" s="37">
        <v>440714</v>
      </c>
      <c r="J7" s="38">
        <v>5</v>
      </c>
      <c r="K7" s="138">
        <v>5.68</v>
      </c>
      <c r="L7" s="39">
        <v>460751</v>
      </c>
      <c r="M7" s="40">
        <v>6</v>
      </c>
      <c r="N7" s="41">
        <v>4.55</v>
      </c>
      <c r="O7" s="35">
        <v>473917</v>
      </c>
      <c r="P7" s="32">
        <v>2</v>
      </c>
      <c r="Q7" s="142">
        <v>2.86</v>
      </c>
      <c r="S7" s="42"/>
    </row>
    <row r="8" spans="1:19" ht="19.5" customHeight="1" x14ac:dyDescent="0.15">
      <c r="A8" s="30">
        <v>3</v>
      </c>
      <c r="B8" s="31" t="s">
        <v>21</v>
      </c>
      <c r="C8" s="36">
        <v>411774</v>
      </c>
      <c r="D8" s="34">
        <v>4</v>
      </c>
      <c r="E8" s="132">
        <v>15.65</v>
      </c>
      <c r="F8" s="43">
        <v>435737</v>
      </c>
      <c r="G8" s="44">
        <v>2</v>
      </c>
      <c r="H8" s="135">
        <v>5.82</v>
      </c>
      <c r="I8" s="37">
        <v>411087</v>
      </c>
      <c r="J8" s="38">
        <v>8</v>
      </c>
      <c r="K8" s="138">
        <v>-5.66</v>
      </c>
      <c r="L8" s="39">
        <v>438983</v>
      </c>
      <c r="M8" s="40">
        <v>7</v>
      </c>
      <c r="N8" s="41">
        <v>6.79</v>
      </c>
      <c r="O8" s="35">
        <v>411015</v>
      </c>
      <c r="P8" s="32">
        <v>10</v>
      </c>
      <c r="Q8" s="142">
        <v>-6.37</v>
      </c>
      <c r="S8" s="42"/>
    </row>
    <row r="9" spans="1:19" ht="19.5" customHeight="1" x14ac:dyDescent="0.15">
      <c r="A9" s="30">
        <v>4</v>
      </c>
      <c r="B9" s="31" t="s">
        <v>22</v>
      </c>
      <c r="C9" s="36">
        <v>383008</v>
      </c>
      <c r="D9" s="34">
        <v>8</v>
      </c>
      <c r="E9" s="132">
        <v>10.75</v>
      </c>
      <c r="F9" s="43">
        <v>379608</v>
      </c>
      <c r="G9" s="44">
        <v>11</v>
      </c>
      <c r="H9" s="135">
        <v>-0.89</v>
      </c>
      <c r="I9" s="37">
        <v>366508</v>
      </c>
      <c r="J9" s="38">
        <v>18</v>
      </c>
      <c r="K9" s="138">
        <v>-3.45</v>
      </c>
      <c r="L9" s="39">
        <v>430341</v>
      </c>
      <c r="M9" s="40">
        <v>8</v>
      </c>
      <c r="N9" s="41">
        <v>17.420000000000002</v>
      </c>
      <c r="O9" s="35">
        <v>403547</v>
      </c>
      <c r="P9" s="32">
        <v>13</v>
      </c>
      <c r="Q9" s="142">
        <v>-6.23</v>
      </c>
      <c r="S9" s="42"/>
    </row>
    <row r="10" spans="1:19" ht="19.5" customHeight="1" x14ac:dyDescent="0.15">
      <c r="A10" s="30">
        <v>5</v>
      </c>
      <c r="B10" s="31" t="s">
        <v>23</v>
      </c>
      <c r="C10" s="36">
        <v>356182</v>
      </c>
      <c r="D10" s="34">
        <v>21</v>
      </c>
      <c r="E10" s="132">
        <v>6.49</v>
      </c>
      <c r="F10" s="43">
        <v>414940</v>
      </c>
      <c r="G10" s="44">
        <v>6</v>
      </c>
      <c r="H10" s="135">
        <v>16.5</v>
      </c>
      <c r="I10" s="37">
        <v>338144</v>
      </c>
      <c r="J10" s="38">
        <v>26</v>
      </c>
      <c r="K10" s="138">
        <v>-18.510000000000002</v>
      </c>
      <c r="L10" s="39">
        <v>384762</v>
      </c>
      <c r="M10" s="40">
        <v>20</v>
      </c>
      <c r="N10" s="41">
        <v>13.79</v>
      </c>
      <c r="O10" s="35">
        <v>400844</v>
      </c>
      <c r="P10" s="32">
        <v>14</v>
      </c>
      <c r="Q10" s="142">
        <v>4.18</v>
      </c>
      <c r="S10" s="42"/>
    </row>
    <row r="11" spans="1:19" ht="19.5" customHeight="1" x14ac:dyDescent="0.15">
      <c r="A11" s="30">
        <v>6</v>
      </c>
      <c r="B11" s="31" t="s">
        <v>24</v>
      </c>
      <c r="C11" s="36">
        <v>353474</v>
      </c>
      <c r="D11" s="34">
        <v>22</v>
      </c>
      <c r="E11" s="132">
        <v>3.67</v>
      </c>
      <c r="F11" s="43">
        <v>341328</v>
      </c>
      <c r="G11" s="44">
        <v>21</v>
      </c>
      <c r="H11" s="135">
        <v>-3.44</v>
      </c>
      <c r="I11" s="37">
        <v>359152</v>
      </c>
      <c r="J11" s="38">
        <v>20</v>
      </c>
      <c r="K11" s="138">
        <v>5.22</v>
      </c>
      <c r="L11" s="39">
        <v>374290</v>
      </c>
      <c r="M11" s="40">
        <v>23</v>
      </c>
      <c r="N11" s="41">
        <v>4.21</v>
      </c>
      <c r="O11" s="35">
        <v>354361</v>
      </c>
      <c r="P11" s="32">
        <v>24</v>
      </c>
      <c r="Q11" s="142">
        <v>-5.32</v>
      </c>
      <c r="S11" s="42"/>
    </row>
    <row r="12" spans="1:19" ht="19.5" customHeight="1" x14ac:dyDescent="0.15">
      <c r="A12" s="30">
        <v>7</v>
      </c>
      <c r="B12" s="31" t="s">
        <v>25</v>
      </c>
      <c r="C12" s="36">
        <v>396694</v>
      </c>
      <c r="D12" s="34">
        <v>6</v>
      </c>
      <c r="E12" s="132">
        <v>7.7</v>
      </c>
      <c r="F12" s="43">
        <v>401755</v>
      </c>
      <c r="G12" s="44">
        <v>7</v>
      </c>
      <c r="H12" s="135">
        <v>1.28</v>
      </c>
      <c r="I12" s="37">
        <v>390130</v>
      </c>
      <c r="J12" s="38">
        <v>15</v>
      </c>
      <c r="K12" s="138">
        <v>-2.89</v>
      </c>
      <c r="L12" s="39">
        <v>367766</v>
      </c>
      <c r="M12" s="40">
        <v>24</v>
      </c>
      <c r="N12" s="41">
        <v>-5.73</v>
      </c>
      <c r="O12" s="35">
        <v>376943</v>
      </c>
      <c r="P12" s="32">
        <v>19</v>
      </c>
      <c r="Q12" s="142">
        <v>2.5</v>
      </c>
      <c r="S12" s="42"/>
    </row>
    <row r="13" spans="1:19" ht="19.5" customHeight="1" x14ac:dyDescent="0.15">
      <c r="A13" s="30">
        <v>8</v>
      </c>
      <c r="B13" s="31" t="s">
        <v>26</v>
      </c>
      <c r="C13" s="36">
        <v>325760</v>
      </c>
      <c r="D13" s="34">
        <v>28</v>
      </c>
      <c r="E13" s="132">
        <v>-0.69</v>
      </c>
      <c r="F13" s="43">
        <v>305952</v>
      </c>
      <c r="G13" s="44">
        <v>29</v>
      </c>
      <c r="H13" s="135">
        <v>-6.08</v>
      </c>
      <c r="I13" s="37">
        <v>330848</v>
      </c>
      <c r="J13" s="38">
        <v>28</v>
      </c>
      <c r="K13" s="138">
        <v>8.14</v>
      </c>
      <c r="L13" s="39">
        <v>376997</v>
      </c>
      <c r="M13" s="40">
        <v>22</v>
      </c>
      <c r="N13" s="41">
        <v>13.95</v>
      </c>
      <c r="O13" s="35">
        <v>367064</v>
      </c>
      <c r="P13" s="32">
        <v>21</v>
      </c>
      <c r="Q13" s="142">
        <v>-2.63</v>
      </c>
      <c r="S13" s="42"/>
    </row>
    <row r="14" spans="1:19" ht="19.5" customHeight="1" x14ac:dyDescent="0.15">
      <c r="A14" s="30">
        <v>9</v>
      </c>
      <c r="B14" s="31" t="s">
        <v>27</v>
      </c>
      <c r="C14" s="36">
        <v>370837</v>
      </c>
      <c r="D14" s="34">
        <v>16</v>
      </c>
      <c r="E14" s="132">
        <v>0.44</v>
      </c>
      <c r="F14" s="43">
        <v>361964</v>
      </c>
      <c r="G14" s="44">
        <v>15</v>
      </c>
      <c r="H14" s="135">
        <v>-2.39</v>
      </c>
      <c r="I14" s="37">
        <v>354021</v>
      </c>
      <c r="J14" s="38">
        <v>22</v>
      </c>
      <c r="K14" s="138">
        <v>-2.19</v>
      </c>
      <c r="L14" s="39">
        <v>416390</v>
      </c>
      <c r="M14" s="40">
        <v>10</v>
      </c>
      <c r="N14" s="41">
        <v>17.62</v>
      </c>
      <c r="O14" s="35">
        <v>405158</v>
      </c>
      <c r="P14" s="32">
        <v>12</v>
      </c>
      <c r="Q14" s="142">
        <v>-2.7</v>
      </c>
      <c r="S14" s="42"/>
    </row>
    <row r="15" spans="1:19" ht="19.5" customHeight="1" x14ac:dyDescent="0.15">
      <c r="A15" s="30">
        <v>10</v>
      </c>
      <c r="B15" s="31" t="s">
        <v>28</v>
      </c>
      <c r="C15" s="36">
        <v>375558</v>
      </c>
      <c r="D15" s="34">
        <v>13</v>
      </c>
      <c r="E15" s="132">
        <v>-4.28</v>
      </c>
      <c r="F15" s="43">
        <v>364836</v>
      </c>
      <c r="G15" s="44">
        <v>14</v>
      </c>
      <c r="H15" s="135">
        <v>-2.85</v>
      </c>
      <c r="I15" s="37">
        <v>395048</v>
      </c>
      <c r="J15" s="38">
        <v>13</v>
      </c>
      <c r="K15" s="138">
        <v>8.2799999999999994</v>
      </c>
      <c r="L15" s="39">
        <v>394219</v>
      </c>
      <c r="M15" s="40">
        <v>17</v>
      </c>
      <c r="N15" s="41">
        <v>-0.21</v>
      </c>
      <c r="O15" s="35">
        <v>439573</v>
      </c>
      <c r="P15" s="32">
        <v>4</v>
      </c>
      <c r="Q15" s="142">
        <v>11.5</v>
      </c>
      <c r="S15" s="42"/>
    </row>
    <row r="16" spans="1:19" ht="19.5" customHeight="1" x14ac:dyDescent="0.15">
      <c r="A16" s="30">
        <v>11</v>
      </c>
      <c r="B16" s="31" t="s">
        <v>29</v>
      </c>
      <c r="C16" s="36">
        <v>374768</v>
      </c>
      <c r="D16" s="34">
        <v>14</v>
      </c>
      <c r="E16" s="132">
        <v>3.46</v>
      </c>
      <c r="F16" s="43">
        <v>383134</v>
      </c>
      <c r="G16" s="44">
        <v>10</v>
      </c>
      <c r="H16" s="135">
        <v>2.23</v>
      </c>
      <c r="I16" s="37">
        <v>393193</v>
      </c>
      <c r="J16" s="38">
        <v>14</v>
      </c>
      <c r="K16" s="138">
        <v>2.63</v>
      </c>
      <c r="L16" s="39">
        <v>415029</v>
      </c>
      <c r="M16" s="40">
        <v>11</v>
      </c>
      <c r="N16" s="41">
        <v>5.55</v>
      </c>
      <c r="O16" s="35">
        <v>413031</v>
      </c>
      <c r="P16" s="32">
        <v>9</v>
      </c>
      <c r="Q16" s="142">
        <v>-0.48</v>
      </c>
      <c r="S16" s="42"/>
    </row>
    <row r="17" spans="1:19" ht="19.5" customHeight="1" x14ac:dyDescent="0.15">
      <c r="A17" s="30">
        <v>12</v>
      </c>
      <c r="B17" s="31" t="s">
        <v>30</v>
      </c>
      <c r="C17" s="36">
        <v>371154</v>
      </c>
      <c r="D17" s="34">
        <v>15</v>
      </c>
      <c r="E17" s="132">
        <v>13.98</v>
      </c>
      <c r="F17" s="43">
        <v>346405</v>
      </c>
      <c r="G17" s="44">
        <v>19</v>
      </c>
      <c r="H17" s="135">
        <v>-6.67</v>
      </c>
      <c r="I17" s="37">
        <v>336814</v>
      </c>
      <c r="J17" s="38">
        <v>27</v>
      </c>
      <c r="K17" s="138">
        <v>-2.77</v>
      </c>
      <c r="L17" s="39">
        <v>339473</v>
      </c>
      <c r="M17" s="40">
        <v>30</v>
      </c>
      <c r="N17" s="41">
        <v>0.79</v>
      </c>
      <c r="O17" s="35">
        <v>338083</v>
      </c>
      <c r="P17" s="32">
        <v>29</v>
      </c>
      <c r="Q17" s="142">
        <v>-0.41</v>
      </c>
      <c r="S17" s="42"/>
    </row>
    <row r="18" spans="1:19" ht="19.5" customHeight="1" x14ac:dyDescent="0.15">
      <c r="A18" s="30">
        <v>13</v>
      </c>
      <c r="B18" s="31" t="s">
        <v>31</v>
      </c>
      <c r="C18" s="36">
        <v>352988</v>
      </c>
      <c r="D18" s="34">
        <v>23</v>
      </c>
      <c r="E18" s="132">
        <v>6.18</v>
      </c>
      <c r="F18" s="43">
        <v>333318</v>
      </c>
      <c r="G18" s="44">
        <v>23</v>
      </c>
      <c r="H18" s="135">
        <v>-5.57</v>
      </c>
      <c r="I18" s="37">
        <v>343454</v>
      </c>
      <c r="J18" s="38">
        <v>25</v>
      </c>
      <c r="K18" s="138">
        <v>3.04</v>
      </c>
      <c r="L18" s="39">
        <v>355594</v>
      </c>
      <c r="M18" s="40">
        <v>27</v>
      </c>
      <c r="N18" s="41">
        <v>3.53</v>
      </c>
      <c r="O18" s="35">
        <v>395610</v>
      </c>
      <c r="P18" s="32">
        <v>16</v>
      </c>
      <c r="Q18" s="142">
        <v>11.25</v>
      </c>
      <c r="S18" s="42"/>
    </row>
    <row r="19" spans="1:19" ht="19.5" customHeight="1" x14ac:dyDescent="0.15">
      <c r="A19" s="30">
        <v>14</v>
      </c>
      <c r="B19" s="31" t="s">
        <v>32</v>
      </c>
      <c r="C19" s="36">
        <v>422163</v>
      </c>
      <c r="D19" s="34">
        <v>3</v>
      </c>
      <c r="E19" s="132">
        <v>-2.17</v>
      </c>
      <c r="F19" s="43">
        <v>400251</v>
      </c>
      <c r="G19" s="44">
        <v>8</v>
      </c>
      <c r="H19" s="135">
        <v>-5.19</v>
      </c>
      <c r="I19" s="37">
        <v>462398</v>
      </c>
      <c r="J19" s="38">
        <v>2</v>
      </c>
      <c r="K19" s="138">
        <v>15.53</v>
      </c>
      <c r="L19" s="39">
        <v>521967</v>
      </c>
      <c r="M19" s="40">
        <v>2</v>
      </c>
      <c r="N19" s="41">
        <v>12.88</v>
      </c>
      <c r="O19" s="35">
        <v>383456</v>
      </c>
      <c r="P19" s="32">
        <v>17</v>
      </c>
      <c r="Q19" s="142">
        <v>-26.54</v>
      </c>
      <c r="S19" s="42"/>
    </row>
    <row r="20" spans="1:19" ht="19.5" customHeight="1" x14ac:dyDescent="0.15">
      <c r="A20" s="30">
        <v>15</v>
      </c>
      <c r="B20" s="31" t="s">
        <v>33</v>
      </c>
      <c r="C20" s="36">
        <v>310283</v>
      </c>
      <c r="D20" s="34">
        <v>30</v>
      </c>
      <c r="E20" s="132">
        <v>-0.83</v>
      </c>
      <c r="F20" s="43">
        <v>321351</v>
      </c>
      <c r="G20" s="44">
        <v>25</v>
      </c>
      <c r="H20" s="135">
        <v>3.57</v>
      </c>
      <c r="I20" s="37">
        <v>347927</v>
      </c>
      <c r="J20" s="38">
        <v>24</v>
      </c>
      <c r="K20" s="138">
        <v>8.27</v>
      </c>
      <c r="L20" s="39">
        <v>339688</v>
      </c>
      <c r="M20" s="40">
        <v>29</v>
      </c>
      <c r="N20" s="41">
        <v>-2.37</v>
      </c>
      <c r="O20" s="35">
        <v>349776</v>
      </c>
      <c r="P20" s="32">
        <v>25</v>
      </c>
      <c r="Q20" s="142">
        <v>2.97</v>
      </c>
      <c r="S20" s="42"/>
    </row>
    <row r="21" spans="1:19" ht="19.5" customHeight="1" x14ac:dyDescent="0.15">
      <c r="A21" s="30">
        <v>16</v>
      </c>
      <c r="B21" s="31" t="s">
        <v>34</v>
      </c>
      <c r="C21" s="36">
        <v>318753</v>
      </c>
      <c r="D21" s="34">
        <v>29</v>
      </c>
      <c r="E21" s="132">
        <v>-0.06</v>
      </c>
      <c r="F21" s="43">
        <v>292317</v>
      </c>
      <c r="G21" s="44">
        <v>31</v>
      </c>
      <c r="H21" s="135">
        <v>-8.2899999999999991</v>
      </c>
      <c r="I21" s="37">
        <v>321494</v>
      </c>
      <c r="J21" s="38">
        <v>31</v>
      </c>
      <c r="K21" s="138">
        <v>9.98</v>
      </c>
      <c r="L21" s="39">
        <v>332574</v>
      </c>
      <c r="M21" s="40">
        <v>32</v>
      </c>
      <c r="N21" s="41">
        <v>3.45</v>
      </c>
      <c r="O21" s="35">
        <v>368855</v>
      </c>
      <c r="P21" s="32">
        <v>20</v>
      </c>
      <c r="Q21" s="142">
        <v>10.91</v>
      </c>
      <c r="S21" s="42"/>
    </row>
    <row r="22" spans="1:19" ht="19.5" customHeight="1" x14ac:dyDescent="0.15">
      <c r="A22" s="30">
        <v>17</v>
      </c>
      <c r="B22" s="31" t="s">
        <v>35</v>
      </c>
      <c r="C22" s="36">
        <v>377040</v>
      </c>
      <c r="D22" s="34">
        <v>12</v>
      </c>
      <c r="E22" s="132">
        <v>4.08</v>
      </c>
      <c r="F22" s="43">
        <v>366645</v>
      </c>
      <c r="G22" s="44">
        <v>13</v>
      </c>
      <c r="H22" s="135">
        <v>-2.76</v>
      </c>
      <c r="I22" s="37">
        <v>380241</v>
      </c>
      <c r="J22" s="38">
        <v>16</v>
      </c>
      <c r="K22" s="138">
        <v>3.71</v>
      </c>
      <c r="L22" s="39">
        <v>405621</v>
      </c>
      <c r="M22" s="40">
        <v>13</v>
      </c>
      <c r="N22" s="41">
        <v>6.67</v>
      </c>
      <c r="O22" s="35">
        <v>454494</v>
      </c>
      <c r="P22" s="32">
        <v>3</v>
      </c>
      <c r="Q22" s="142">
        <v>12.05</v>
      </c>
      <c r="S22" s="42"/>
    </row>
    <row r="23" spans="1:19" ht="19.5" customHeight="1" x14ac:dyDescent="0.15">
      <c r="A23" s="30">
        <v>18</v>
      </c>
      <c r="B23" s="31" t="s">
        <v>36</v>
      </c>
      <c r="C23" s="36">
        <v>352181</v>
      </c>
      <c r="D23" s="34">
        <v>24</v>
      </c>
      <c r="E23" s="132">
        <v>1.45</v>
      </c>
      <c r="F23" s="43">
        <v>360169</v>
      </c>
      <c r="G23" s="44">
        <v>16</v>
      </c>
      <c r="H23" s="135">
        <v>2.27</v>
      </c>
      <c r="I23" s="37">
        <v>325014</v>
      </c>
      <c r="J23" s="38">
        <v>29</v>
      </c>
      <c r="K23" s="138">
        <v>-9.76</v>
      </c>
      <c r="L23" s="39">
        <v>386154</v>
      </c>
      <c r="M23" s="40">
        <v>18</v>
      </c>
      <c r="N23" s="41">
        <v>18.809999999999999</v>
      </c>
      <c r="O23" s="35">
        <v>395859</v>
      </c>
      <c r="P23" s="32">
        <v>15</v>
      </c>
      <c r="Q23" s="142">
        <v>2.5099999999999998</v>
      </c>
      <c r="S23" s="42"/>
    </row>
    <row r="24" spans="1:19" ht="19.5" customHeight="1" thickBot="1" x14ac:dyDescent="0.2">
      <c r="A24" s="45">
        <v>21</v>
      </c>
      <c r="B24" s="46" t="s">
        <v>37</v>
      </c>
      <c r="C24" s="49">
        <v>327763</v>
      </c>
      <c r="D24" s="50">
        <v>27</v>
      </c>
      <c r="E24" s="133">
        <v>-2.91</v>
      </c>
      <c r="F24" s="51">
        <v>307818</v>
      </c>
      <c r="G24" s="52">
        <v>28</v>
      </c>
      <c r="H24" s="136">
        <v>-6.09</v>
      </c>
      <c r="I24" s="53">
        <v>296579</v>
      </c>
      <c r="J24" s="54">
        <v>32</v>
      </c>
      <c r="K24" s="139">
        <v>-3.65</v>
      </c>
      <c r="L24" s="55">
        <v>348636</v>
      </c>
      <c r="M24" s="56">
        <v>28</v>
      </c>
      <c r="N24" s="57">
        <v>17.55</v>
      </c>
      <c r="O24" s="58">
        <v>344442</v>
      </c>
      <c r="P24" s="48">
        <v>28</v>
      </c>
      <c r="Q24" s="143">
        <v>-1.2</v>
      </c>
      <c r="S24" s="42"/>
    </row>
    <row r="25" spans="1:19" ht="19.5" customHeight="1" thickTop="1" x14ac:dyDescent="0.15">
      <c r="A25" s="30">
        <v>19</v>
      </c>
      <c r="B25" s="31" t="s">
        <v>38</v>
      </c>
      <c r="C25" s="60">
        <v>381868</v>
      </c>
      <c r="D25" s="61">
        <v>9</v>
      </c>
      <c r="E25" s="134">
        <v>26.24</v>
      </c>
      <c r="F25" s="62">
        <v>375072</v>
      </c>
      <c r="G25" s="63">
        <v>12</v>
      </c>
      <c r="H25" s="137">
        <v>-1.78</v>
      </c>
      <c r="I25" s="64">
        <v>447411</v>
      </c>
      <c r="J25" s="65">
        <v>4</v>
      </c>
      <c r="K25" s="140">
        <v>19.29</v>
      </c>
      <c r="L25" s="66">
        <v>367508</v>
      </c>
      <c r="M25" s="67">
        <v>25</v>
      </c>
      <c r="N25" s="68">
        <v>-17.86</v>
      </c>
      <c r="O25" s="69">
        <v>406596</v>
      </c>
      <c r="P25" s="59">
        <v>11</v>
      </c>
      <c r="Q25" s="144">
        <v>10.64</v>
      </c>
      <c r="S25" s="42"/>
    </row>
    <row r="26" spans="1:19" ht="19.5" customHeight="1" x14ac:dyDescent="0.15">
      <c r="A26" s="30">
        <v>20</v>
      </c>
      <c r="B26" s="31" t="s">
        <v>39</v>
      </c>
      <c r="C26" s="36">
        <v>369623</v>
      </c>
      <c r="D26" s="34">
        <v>17</v>
      </c>
      <c r="E26" s="132">
        <v>12.58</v>
      </c>
      <c r="F26" s="43">
        <v>321973</v>
      </c>
      <c r="G26" s="44">
        <v>24</v>
      </c>
      <c r="H26" s="135">
        <v>-12.89</v>
      </c>
      <c r="I26" s="37">
        <v>350708</v>
      </c>
      <c r="J26" s="38">
        <v>23</v>
      </c>
      <c r="K26" s="138">
        <v>8.92</v>
      </c>
      <c r="L26" s="39">
        <v>338776</v>
      </c>
      <c r="M26" s="40">
        <v>31</v>
      </c>
      <c r="N26" s="41">
        <v>-3.4</v>
      </c>
      <c r="O26" s="35">
        <v>348488</v>
      </c>
      <c r="P26" s="32">
        <v>26</v>
      </c>
      <c r="Q26" s="142">
        <v>2.87</v>
      </c>
      <c r="S26" s="42"/>
    </row>
    <row r="27" spans="1:19" ht="19.5" customHeight="1" x14ac:dyDescent="0.15">
      <c r="A27" s="30">
        <v>22</v>
      </c>
      <c r="B27" s="31" t="s">
        <v>40</v>
      </c>
      <c r="C27" s="36">
        <v>392253</v>
      </c>
      <c r="D27" s="34">
        <v>7</v>
      </c>
      <c r="E27" s="132">
        <v>5.15</v>
      </c>
      <c r="F27" s="43">
        <v>343909</v>
      </c>
      <c r="G27" s="44">
        <v>20</v>
      </c>
      <c r="H27" s="135">
        <v>-12.32</v>
      </c>
      <c r="I27" s="37">
        <v>401272</v>
      </c>
      <c r="J27" s="38">
        <v>12</v>
      </c>
      <c r="K27" s="138">
        <v>16.68</v>
      </c>
      <c r="L27" s="39">
        <v>384880</v>
      </c>
      <c r="M27" s="40">
        <v>19</v>
      </c>
      <c r="N27" s="41">
        <v>-4.09</v>
      </c>
      <c r="O27" s="35">
        <v>356326</v>
      </c>
      <c r="P27" s="32">
        <v>22</v>
      </c>
      <c r="Q27" s="142">
        <v>-7.42</v>
      </c>
      <c r="S27" s="42"/>
    </row>
    <row r="28" spans="1:19" ht="19.5" customHeight="1" x14ac:dyDescent="0.15">
      <c r="A28" s="30">
        <v>23</v>
      </c>
      <c r="B28" s="31" t="s">
        <v>41</v>
      </c>
      <c r="C28" s="36">
        <v>346605</v>
      </c>
      <c r="D28" s="34">
        <v>25</v>
      </c>
      <c r="E28" s="132">
        <v>3.5</v>
      </c>
      <c r="F28" s="43">
        <v>389605</v>
      </c>
      <c r="G28" s="44">
        <v>9</v>
      </c>
      <c r="H28" s="135">
        <v>12.41</v>
      </c>
      <c r="I28" s="37">
        <v>375351</v>
      </c>
      <c r="J28" s="38">
        <v>17</v>
      </c>
      <c r="K28" s="138">
        <v>-3.66</v>
      </c>
      <c r="L28" s="39">
        <v>379239</v>
      </c>
      <c r="M28" s="40">
        <v>21</v>
      </c>
      <c r="N28" s="41">
        <v>1.04</v>
      </c>
      <c r="O28" s="35">
        <v>379071</v>
      </c>
      <c r="P28" s="32">
        <v>18</v>
      </c>
      <c r="Q28" s="142">
        <v>-0.04</v>
      </c>
      <c r="S28" s="42"/>
    </row>
    <row r="29" spans="1:19" ht="19.5" customHeight="1" x14ac:dyDescent="0.15">
      <c r="A29" s="30">
        <v>24</v>
      </c>
      <c r="B29" s="31" t="s">
        <v>42</v>
      </c>
      <c r="C29" s="36">
        <v>357935</v>
      </c>
      <c r="D29" s="34">
        <v>20</v>
      </c>
      <c r="E29" s="132">
        <v>28.47</v>
      </c>
      <c r="F29" s="43">
        <v>356201</v>
      </c>
      <c r="G29" s="44">
        <v>17</v>
      </c>
      <c r="H29" s="135">
        <v>-0.48</v>
      </c>
      <c r="I29" s="37">
        <v>454347</v>
      </c>
      <c r="J29" s="38">
        <v>3</v>
      </c>
      <c r="K29" s="138">
        <v>27.55</v>
      </c>
      <c r="L29" s="39">
        <v>413619</v>
      </c>
      <c r="M29" s="40">
        <v>12</v>
      </c>
      <c r="N29" s="41">
        <v>-8.9600000000000009</v>
      </c>
      <c r="O29" s="35">
        <v>518637</v>
      </c>
      <c r="P29" s="32">
        <v>1</v>
      </c>
      <c r="Q29" s="142">
        <v>25.39</v>
      </c>
      <c r="S29" s="42"/>
    </row>
    <row r="30" spans="1:19" ht="19.5" customHeight="1" x14ac:dyDescent="0.15">
      <c r="A30" s="30">
        <v>25</v>
      </c>
      <c r="B30" s="31" t="s">
        <v>43</v>
      </c>
      <c r="C30" s="36">
        <v>377369</v>
      </c>
      <c r="D30" s="34">
        <v>11</v>
      </c>
      <c r="E30" s="132">
        <v>-7.82</v>
      </c>
      <c r="F30" s="43">
        <v>336750</v>
      </c>
      <c r="G30" s="44">
        <v>22</v>
      </c>
      <c r="H30" s="135">
        <v>-10.76</v>
      </c>
      <c r="I30" s="37">
        <v>281986</v>
      </c>
      <c r="J30" s="38">
        <v>33</v>
      </c>
      <c r="K30" s="138">
        <v>-16.260000000000002</v>
      </c>
      <c r="L30" s="39">
        <v>400899</v>
      </c>
      <c r="M30" s="40">
        <v>14</v>
      </c>
      <c r="N30" s="41">
        <v>42.17</v>
      </c>
      <c r="O30" s="35">
        <v>275874</v>
      </c>
      <c r="P30" s="32">
        <v>31</v>
      </c>
      <c r="Q30" s="142">
        <v>-31.19</v>
      </c>
      <c r="S30" s="42"/>
    </row>
    <row r="31" spans="1:19" ht="19.5" customHeight="1" x14ac:dyDescent="0.15">
      <c r="A31" s="30">
        <v>26</v>
      </c>
      <c r="B31" s="31" t="s">
        <v>44</v>
      </c>
      <c r="C31" s="36">
        <v>303033</v>
      </c>
      <c r="D31" s="34">
        <v>31</v>
      </c>
      <c r="E31" s="132">
        <v>23.35</v>
      </c>
      <c r="F31" s="43">
        <v>249030</v>
      </c>
      <c r="G31" s="44">
        <v>33</v>
      </c>
      <c r="H31" s="135">
        <v>-17.82</v>
      </c>
      <c r="I31" s="37">
        <v>322374</v>
      </c>
      <c r="J31" s="38">
        <v>30</v>
      </c>
      <c r="K31" s="138">
        <v>29.45</v>
      </c>
      <c r="L31" s="39">
        <v>399409</v>
      </c>
      <c r="M31" s="40">
        <v>15</v>
      </c>
      <c r="N31" s="41">
        <v>23.9</v>
      </c>
      <c r="O31" s="35">
        <v>287318</v>
      </c>
      <c r="P31" s="32">
        <v>30</v>
      </c>
      <c r="Q31" s="142">
        <v>-28.06</v>
      </c>
      <c r="S31" s="42"/>
    </row>
    <row r="32" spans="1:19" ht="19.5" customHeight="1" x14ac:dyDescent="0.15">
      <c r="A32" s="30">
        <v>27</v>
      </c>
      <c r="B32" s="31" t="s">
        <v>45</v>
      </c>
      <c r="C32" s="36">
        <v>344653</v>
      </c>
      <c r="D32" s="34">
        <v>26</v>
      </c>
      <c r="E32" s="132">
        <v>1.88</v>
      </c>
      <c r="F32" s="43">
        <v>319160</v>
      </c>
      <c r="G32" s="44">
        <v>27</v>
      </c>
      <c r="H32" s="135">
        <v>-7.4</v>
      </c>
      <c r="I32" s="37">
        <v>403992</v>
      </c>
      <c r="J32" s="38">
        <v>11</v>
      </c>
      <c r="K32" s="138">
        <v>26.58</v>
      </c>
      <c r="L32" s="39">
        <v>519915</v>
      </c>
      <c r="M32" s="40">
        <v>3</v>
      </c>
      <c r="N32" s="41">
        <v>28.69</v>
      </c>
      <c r="O32" s="35">
        <v>345099</v>
      </c>
      <c r="P32" s="32">
        <v>27</v>
      </c>
      <c r="Q32" s="142">
        <v>-33.619999999999997</v>
      </c>
      <c r="S32" s="42"/>
    </row>
    <row r="33" spans="1:54" ht="19.5" customHeight="1" x14ac:dyDescent="0.15">
      <c r="A33" s="30">
        <v>28</v>
      </c>
      <c r="B33" s="31" t="s">
        <v>46</v>
      </c>
      <c r="C33" s="36">
        <v>378531</v>
      </c>
      <c r="D33" s="34">
        <v>10</v>
      </c>
      <c r="E33" s="132">
        <v>10.85</v>
      </c>
      <c r="F33" s="43">
        <v>354116</v>
      </c>
      <c r="G33" s="44">
        <v>18</v>
      </c>
      <c r="H33" s="135">
        <v>-6.45</v>
      </c>
      <c r="I33" s="37">
        <v>358659</v>
      </c>
      <c r="J33" s="38">
        <v>21</v>
      </c>
      <c r="K33" s="138">
        <v>1.28</v>
      </c>
      <c r="L33" s="39">
        <v>557773</v>
      </c>
      <c r="M33" s="40">
        <v>1</v>
      </c>
      <c r="N33" s="41">
        <v>55.52</v>
      </c>
      <c r="O33" s="35">
        <v>433127</v>
      </c>
      <c r="P33" s="32">
        <v>5</v>
      </c>
      <c r="Q33" s="142">
        <v>-22.35</v>
      </c>
      <c r="S33" s="42"/>
    </row>
    <row r="34" spans="1:54" ht="19.5" customHeight="1" x14ac:dyDescent="0.15">
      <c r="A34" s="30">
        <v>29</v>
      </c>
      <c r="B34" s="31" t="s">
        <v>47</v>
      </c>
      <c r="C34" s="36">
        <v>431700</v>
      </c>
      <c r="D34" s="34">
        <v>2</v>
      </c>
      <c r="E34" s="132">
        <v>-3.36</v>
      </c>
      <c r="F34" s="43">
        <v>429701</v>
      </c>
      <c r="G34" s="44">
        <v>3</v>
      </c>
      <c r="H34" s="135">
        <v>-0.46</v>
      </c>
      <c r="I34" s="37">
        <v>411347</v>
      </c>
      <c r="J34" s="38">
        <v>7</v>
      </c>
      <c r="K34" s="138">
        <v>-4.2699999999999996</v>
      </c>
      <c r="L34" s="39">
        <v>359838</v>
      </c>
      <c r="M34" s="40">
        <v>26</v>
      </c>
      <c r="N34" s="41">
        <v>-12.52</v>
      </c>
      <c r="O34" s="35">
        <v>225867</v>
      </c>
      <c r="P34" s="32">
        <v>32</v>
      </c>
      <c r="Q34" s="142">
        <v>-37.229999999999997</v>
      </c>
      <c r="S34" s="42"/>
    </row>
    <row r="35" spans="1:54" ht="19.5" customHeight="1" x14ac:dyDescent="0.15">
      <c r="A35" s="30">
        <v>30</v>
      </c>
      <c r="B35" s="31" t="s">
        <v>48</v>
      </c>
      <c r="C35" s="36">
        <v>364110</v>
      </c>
      <c r="D35" s="34">
        <v>18</v>
      </c>
      <c r="E35" s="132">
        <v>-3.62</v>
      </c>
      <c r="F35" s="43">
        <v>454815</v>
      </c>
      <c r="G35" s="44">
        <v>1</v>
      </c>
      <c r="H35" s="135">
        <v>24.91</v>
      </c>
      <c r="I35" s="37">
        <v>492257</v>
      </c>
      <c r="J35" s="38">
        <v>1</v>
      </c>
      <c r="K35" s="138">
        <v>8.23</v>
      </c>
      <c r="L35" s="39">
        <v>461958</v>
      </c>
      <c r="M35" s="40">
        <v>5</v>
      </c>
      <c r="N35" s="41">
        <v>-6.16</v>
      </c>
      <c r="O35" s="35">
        <v>355517</v>
      </c>
      <c r="P35" s="32">
        <v>23</v>
      </c>
      <c r="Q35" s="142">
        <v>-23.04</v>
      </c>
      <c r="S35" s="42"/>
    </row>
    <row r="36" spans="1:54" ht="19.5" customHeight="1" x14ac:dyDescent="0.15">
      <c r="A36" s="30">
        <v>31</v>
      </c>
      <c r="B36" s="31" t="s">
        <v>49</v>
      </c>
      <c r="C36" s="36">
        <v>261209</v>
      </c>
      <c r="D36" s="34">
        <v>33</v>
      </c>
      <c r="E36" s="132">
        <v>-4.13</v>
      </c>
      <c r="F36" s="43">
        <v>296320</v>
      </c>
      <c r="G36" s="44">
        <v>30</v>
      </c>
      <c r="H36" s="135">
        <v>13.44</v>
      </c>
      <c r="I36" s="37">
        <v>414845</v>
      </c>
      <c r="J36" s="38">
        <v>6</v>
      </c>
      <c r="K36" s="138">
        <v>40</v>
      </c>
      <c r="L36" s="39">
        <v>480746</v>
      </c>
      <c r="M36" s="40">
        <v>4</v>
      </c>
      <c r="N36" s="41">
        <v>15.89</v>
      </c>
      <c r="O36" s="35">
        <v>426391</v>
      </c>
      <c r="P36" s="32">
        <v>6</v>
      </c>
      <c r="Q36" s="142">
        <v>-11.31</v>
      </c>
      <c r="S36" s="42"/>
    </row>
    <row r="37" spans="1:54" ht="19.5" customHeight="1" x14ac:dyDescent="0.15">
      <c r="A37" s="30">
        <v>32</v>
      </c>
      <c r="B37" s="31" t="s">
        <v>50</v>
      </c>
      <c r="C37" s="36">
        <v>361279</v>
      </c>
      <c r="D37" s="34">
        <v>19</v>
      </c>
      <c r="E37" s="132">
        <v>2.14</v>
      </c>
      <c r="F37" s="43">
        <v>319389</v>
      </c>
      <c r="G37" s="44">
        <v>26</v>
      </c>
      <c r="H37" s="135">
        <v>-11.59</v>
      </c>
      <c r="I37" s="37">
        <v>359408</v>
      </c>
      <c r="J37" s="38">
        <v>19</v>
      </c>
      <c r="K37" s="138">
        <v>12.53</v>
      </c>
      <c r="L37" s="39">
        <v>398678</v>
      </c>
      <c r="M37" s="40">
        <v>16</v>
      </c>
      <c r="N37" s="41">
        <v>10.93</v>
      </c>
      <c r="O37" s="35">
        <v>425650</v>
      </c>
      <c r="P37" s="32">
        <v>7</v>
      </c>
      <c r="Q37" s="142">
        <v>6.77</v>
      </c>
      <c r="S37" s="42"/>
    </row>
    <row r="38" spans="1:54" ht="19.5" customHeight="1" thickBot="1" x14ac:dyDescent="0.2">
      <c r="A38" s="45">
        <v>33</v>
      </c>
      <c r="B38" s="46" t="s">
        <v>51</v>
      </c>
      <c r="C38" s="49">
        <v>263545</v>
      </c>
      <c r="D38" s="50">
        <v>32</v>
      </c>
      <c r="E38" s="133">
        <v>45.12</v>
      </c>
      <c r="F38" s="51">
        <v>266217</v>
      </c>
      <c r="G38" s="52">
        <v>32</v>
      </c>
      <c r="H38" s="136">
        <v>1.01</v>
      </c>
      <c r="I38" s="53">
        <v>408867</v>
      </c>
      <c r="J38" s="70">
        <v>9</v>
      </c>
      <c r="K38" s="141">
        <v>53.58</v>
      </c>
      <c r="L38" s="55">
        <v>196154</v>
      </c>
      <c r="M38" s="56">
        <v>33</v>
      </c>
      <c r="N38" s="57">
        <v>-52.02</v>
      </c>
      <c r="O38" s="58">
        <v>218175</v>
      </c>
      <c r="P38" s="47">
        <v>33</v>
      </c>
      <c r="Q38" s="145">
        <v>11.23</v>
      </c>
      <c r="S38" s="42"/>
    </row>
    <row r="39" spans="1:54" ht="19.5" customHeight="1" thickTop="1" x14ac:dyDescent="0.15">
      <c r="A39" s="30">
        <v>301</v>
      </c>
      <c r="B39" s="31" t="s">
        <v>53</v>
      </c>
      <c r="C39" s="71" t="s">
        <v>52</v>
      </c>
      <c r="D39" s="74" t="s">
        <v>52</v>
      </c>
      <c r="E39" s="75" t="s">
        <v>52</v>
      </c>
      <c r="F39" s="73" t="s">
        <v>52</v>
      </c>
      <c r="G39" s="74" t="s">
        <v>52</v>
      </c>
      <c r="H39" s="73" t="s">
        <v>52</v>
      </c>
      <c r="I39" s="76" t="s">
        <v>52</v>
      </c>
      <c r="J39" s="77" t="s">
        <v>52</v>
      </c>
      <c r="K39" s="78" t="s">
        <v>52</v>
      </c>
      <c r="L39" s="79" t="s">
        <v>52</v>
      </c>
      <c r="M39" s="80" t="s">
        <v>52</v>
      </c>
      <c r="N39" s="81" t="s">
        <v>52</v>
      </c>
      <c r="O39" s="28" t="s">
        <v>52</v>
      </c>
      <c r="P39" s="25" t="s">
        <v>56</v>
      </c>
      <c r="Q39" s="82" t="s">
        <v>55</v>
      </c>
      <c r="R39" s="83"/>
      <c r="S39" s="42"/>
      <c r="T39" s="83"/>
      <c r="U39" s="83"/>
      <c r="V39" s="83"/>
      <c r="W39" s="83"/>
      <c r="X39" s="83"/>
      <c r="Y39" s="83"/>
      <c r="Z39" s="83"/>
      <c r="AA39" s="83"/>
      <c r="AB39" s="83"/>
      <c r="AC39" s="83"/>
      <c r="AD39" s="83"/>
      <c r="AE39" s="83"/>
      <c r="AF39" s="83"/>
      <c r="AG39" s="83"/>
      <c r="AH39" s="83"/>
      <c r="AI39" s="83"/>
      <c r="AJ39" s="83"/>
      <c r="AK39" s="83"/>
      <c r="AL39" s="83"/>
      <c r="AM39" s="83"/>
      <c r="AN39" s="83"/>
    </row>
    <row r="40" spans="1:54" ht="19.5" customHeight="1" x14ac:dyDescent="0.15">
      <c r="A40" s="30">
        <v>302</v>
      </c>
      <c r="B40" s="31" t="s">
        <v>58</v>
      </c>
      <c r="C40" s="71" t="s">
        <v>52</v>
      </c>
      <c r="D40" s="74" t="s">
        <v>52</v>
      </c>
      <c r="E40" s="75" t="s">
        <v>52</v>
      </c>
      <c r="F40" s="73" t="s">
        <v>52</v>
      </c>
      <c r="G40" s="74" t="s">
        <v>52</v>
      </c>
      <c r="H40" s="73" t="s">
        <v>52</v>
      </c>
      <c r="I40" s="85" t="s">
        <v>52</v>
      </c>
      <c r="J40" s="86" t="s">
        <v>52</v>
      </c>
      <c r="K40" s="78" t="s">
        <v>52</v>
      </c>
      <c r="L40" s="79" t="s">
        <v>52</v>
      </c>
      <c r="M40" s="80" t="s">
        <v>52</v>
      </c>
      <c r="N40" s="81" t="s">
        <v>52</v>
      </c>
      <c r="O40" s="72" t="s">
        <v>52</v>
      </c>
      <c r="P40" s="84" t="s">
        <v>55</v>
      </c>
      <c r="Q40" s="82" t="s">
        <v>61</v>
      </c>
      <c r="R40" s="83"/>
      <c r="S40" s="42"/>
      <c r="T40" s="83"/>
      <c r="U40" s="83"/>
      <c r="V40" s="83"/>
      <c r="W40" s="83"/>
      <c r="X40" s="83"/>
      <c r="Y40" s="83"/>
      <c r="Z40" s="83"/>
      <c r="AA40" s="83"/>
      <c r="AB40" s="83"/>
      <c r="AC40" s="83"/>
      <c r="AD40" s="83"/>
      <c r="AE40" s="83"/>
      <c r="AF40" s="83"/>
      <c r="AG40" s="83"/>
      <c r="AH40" s="83"/>
      <c r="AI40" s="83"/>
      <c r="AJ40" s="83"/>
      <c r="AK40" s="83"/>
      <c r="AL40" s="83"/>
      <c r="AM40" s="83"/>
      <c r="AN40" s="83"/>
    </row>
    <row r="41" spans="1:54" ht="19.5" customHeight="1" x14ac:dyDescent="0.15">
      <c r="A41" s="30">
        <v>303</v>
      </c>
      <c r="B41" s="31" t="s">
        <v>62</v>
      </c>
      <c r="C41" s="71" t="s">
        <v>52</v>
      </c>
      <c r="D41" s="74" t="s">
        <v>52</v>
      </c>
      <c r="E41" s="75" t="s">
        <v>52</v>
      </c>
      <c r="F41" s="73" t="s">
        <v>52</v>
      </c>
      <c r="G41" s="74" t="s">
        <v>52</v>
      </c>
      <c r="H41" s="73" t="s">
        <v>52</v>
      </c>
      <c r="I41" s="85" t="s">
        <v>52</v>
      </c>
      <c r="J41" s="86" t="s">
        <v>52</v>
      </c>
      <c r="K41" s="78" t="s">
        <v>52</v>
      </c>
      <c r="L41" s="79" t="s">
        <v>52</v>
      </c>
      <c r="M41" s="80" t="s">
        <v>52</v>
      </c>
      <c r="N41" s="81" t="s">
        <v>52</v>
      </c>
      <c r="O41" s="72" t="s">
        <v>52</v>
      </c>
      <c r="P41" s="84" t="s">
        <v>55</v>
      </c>
      <c r="Q41" s="82" t="s">
        <v>56</v>
      </c>
      <c r="R41" s="83"/>
      <c r="S41" s="42"/>
      <c r="T41" s="83"/>
      <c r="U41" s="83"/>
      <c r="V41" s="83"/>
      <c r="W41" s="83"/>
      <c r="X41" s="83"/>
      <c r="Y41" s="83"/>
      <c r="Z41" s="83"/>
      <c r="AA41" s="83"/>
      <c r="AB41" s="83"/>
      <c r="AC41" s="83"/>
      <c r="AD41" s="83"/>
      <c r="AE41" s="83"/>
      <c r="AF41" s="83"/>
      <c r="AG41" s="83"/>
      <c r="AH41" s="83"/>
      <c r="AI41" s="83"/>
      <c r="AJ41" s="83"/>
      <c r="AK41" s="83"/>
      <c r="AL41" s="83"/>
      <c r="AM41" s="83"/>
      <c r="AN41" s="83"/>
    </row>
    <row r="42" spans="1:54" ht="19.5" customHeight="1" x14ac:dyDescent="0.15">
      <c r="A42" s="30">
        <v>304</v>
      </c>
      <c r="B42" s="31" t="s">
        <v>63</v>
      </c>
      <c r="C42" s="71" t="s">
        <v>52</v>
      </c>
      <c r="D42" s="74" t="s">
        <v>52</v>
      </c>
      <c r="E42" s="75" t="s">
        <v>52</v>
      </c>
      <c r="F42" s="73" t="s">
        <v>52</v>
      </c>
      <c r="G42" s="74" t="s">
        <v>52</v>
      </c>
      <c r="H42" s="73" t="s">
        <v>52</v>
      </c>
      <c r="I42" s="85" t="s">
        <v>52</v>
      </c>
      <c r="J42" s="86" t="s">
        <v>52</v>
      </c>
      <c r="K42" s="78" t="s">
        <v>52</v>
      </c>
      <c r="L42" s="79" t="s">
        <v>52</v>
      </c>
      <c r="M42" s="80" t="s">
        <v>52</v>
      </c>
      <c r="N42" s="81" t="s">
        <v>52</v>
      </c>
      <c r="O42" s="72" t="s">
        <v>52</v>
      </c>
      <c r="P42" s="84" t="s">
        <v>56</v>
      </c>
      <c r="Q42" s="82" t="s">
        <v>54</v>
      </c>
      <c r="R42" s="83"/>
      <c r="S42" s="42"/>
      <c r="T42" s="83"/>
      <c r="U42" s="83"/>
      <c r="V42" s="83"/>
      <c r="W42" s="83"/>
      <c r="X42" s="83"/>
      <c r="Y42" s="83"/>
      <c r="Z42" s="83"/>
      <c r="AA42" s="83"/>
      <c r="AB42" s="83"/>
      <c r="AC42" s="83"/>
      <c r="AD42" s="83"/>
      <c r="AE42" s="83"/>
      <c r="AF42" s="83"/>
      <c r="AG42" s="83"/>
      <c r="AH42" s="83"/>
      <c r="AI42" s="83"/>
      <c r="AJ42" s="83"/>
      <c r="AK42" s="83"/>
      <c r="AL42" s="83"/>
      <c r="AM42" s="83"/>
      <c r="AN42" s="83"/>
    </row>
    <row r="43" spans="1:54" ht="19.5" customHeight="1" x14ac:dyDescent="0.15">
      <c r="A43" s="30">
        <v>305</v>
      </c>
      <c r="B43" s="31" t="s">
        <v>64</v>
      </c>
      <c r="C43" s="71" t="s">
        <v>52</v>
      </c>
      <c r="D43" s="74" t="s">
        <v>52</v>
      </c>
      <c r="E43" s="75" t="s">
        <v>52</v>
      </c>
      <c r="F43" s="73" t="s">
        <v>52</v>
      </c>
      <c r="G43" s="74" t="s">
        <v>52</v>
      </c>
      <c r="H43" s="73" t="s">
        <v>52</v>
      </c>
      <c r="I43" s="85" t="s">
        <v>52</v>
      </c>
      <c r="J43" s="86" t="s">
        <v>52</v>
      </c>
      <c r="K43" s="78" t="s">
        <v>52</v>
      </c>
      <c r="L43" s="79" t="s">
        <v>52</v>
      </c>
      <c r="M43" s="80" t="s">
        <v>52</v>
      </c>
      <c r="N43" s="81" t="s">
        <v>52</v>
      </c>
      <c r="O43" s="72" t="s">
        <v>52</v>
      </c>
      <c r="P43" s="84" t="s">
        <v>56</v>
      </c>
      <c r="Q43" s="82" t="s">
        <v>57</v>
      </c>
      <c r="R43" s="83"/>
      <c r="S43" s="42"/>
      <c r="T43" s="83"/>
      <c r="U43" s="83"/>
      <c r="V43" s="83"/>
      <c r="W43" s="83"/>
      <c r="X43" s="83"/>
      <c r="Y43" s="83"/>
      <c r="Z43" s="83"/>
      <c r="AA43" s="83"/>
      <c r="AB43" s="83"/>
      <c r="AC43" s="83"/>
      <c r="AD43" s="83"/>
      <c r="AE43" s="83"/>
      <c r="AF43" s="83"/>
      <c r="AG43" s="83"/>
      <c r="AH43" s="83"/>
      <c r="AI43" s="83"/>
      <c r="AJ43" s="83"/>
      <c r="AK43" s="83"/>
      <c r="AL43" s="83"/>
      <c r="AM43" s="83"/>
      <c r="AN43" s="83"/>
    </row>
    <row r="44" spans="1:54" ht="19.5" customHeight="1" thickBot="1" x14ac:dyDescent="0.2">
      <c r="A44" s="45">
        <v>306</v>
      </c>
      <c r="B44" s="46" t="s">
        <v>65</v>
      </c>
      <c r="C44" s="90" t="s">
        <v>52</v>
      </c>
      <c r="D44" s="88" t="s">
        <v>52</v>
      </c>
      <c r="E44" s="89" t="s">
        <v>52</v>
      </c>
      <c r="F44" s="87" t="s">
        <v>52</v>
      </c>
      <c r="G44" s="88" t="s">
        <v>52</v>
      </c>
      <c r="H44" s="87" t="s">
        <v>52</v>
      </c>
      <c r="I44" s="91" t="s">
        <v>52</v>
      </c>
      <c r="J44" s="92" t="s">
        <v>52</v>
      </c>
      <c r="K44" s="93" t="s">
        <v>52</v>
      </c>
      <c r="L44" s="94" t="s">
        <v>52</v>
      </c>
      <c r="M44" s="95" t="s">
        <v>52</v>
      </c>
      <c r="N44" s="96" t="s">
        <v>52</v>
      </c>
      <c r="O44" s="17" t="s">
        <v>52</v>
      </c>
      <c r="P44" s="6" t="s">
        <v>55</v>
      </c>
      <c r="Q44" s="97" t="s">
        <v>55</v>
      </c>
      <c r="R44" s="83"/>
      <c r="S44" s="42"/>
      <c r="T44" s="83"/>
      <c r="U44" s="83"/>
      <c r="V44" s="83"/>
      <c r="W44" s="83"/>
      <c r="X44" s="83"/>
      <c r="Y44" s="83"/>
      <c r="Z44" s="83"/>
      <c r="AA44" s="83"/>
      <c r="AB44" s="83"/>
      <c r="AC44" s="83"/>
      <c r="AD44" s="83"/>
      <c r="AE44" s="83"/>
      <c r="AF44" s="83"/>
      <c r="AG44" s="83"/>
      <c r="AH44" s="83"/>
      <c r="AI44" s="83"/>
      <c r="AJ44" s="83"/>
      <c r="AK44" s="83"/>
      <c r="AL44" s="83"/>
      <c r="AM44" s="83"/>
      <c r="AN44" s="83"/>
      <c r="AO44" s="83"/>
      <c r="AP44" s="83"/>
      <c r="AQ44" s="83"/>
      <c r="AR44" s="83"/>
      <c r="AS44" s="83"/>
      <c r="AT44" s="83"/>
      <c r="AU44" s="83"/>
      <c r="AV44" s="83"/>
      <c r="AW44" s="83"/>
      <c r="AX44" s="83"/>
      <c r="AY44" s="83"/>
      <c r="AZ44" s="83"/>
      <c r="BA44" s="83"/>
      <c r="BB44" s="83"/>
    </row>
    <row r="45" spans="1:54" ht="19.5" customHeight="1" thickTop="1" thickBot="1" x14ac:dyDescent="0.2">
      <c r="A45" s="152" t="s">
        <v>66</v>
      </c>
      <c r="B45" s="153"/>
      <c r="C45" s="101">
        <v>384591</v>
      </c>
      <c r="D45" s="99" t="s">
        <v>52</v>
      </c>
      <c r="E45" s="98">
        <v>6.09</v>
      </c>
      <c r="F45" s="102">
        <v>382218</v>
      </c>
      <c r="G45" s="99"/>
      <c r="H45" s="149">
        <v>-0.62</v>
      </c>
      <c r="I45" s="103">
        <v>387521</v>
      </c>
      <c r="J45" s="104" t="s">
        <v>52</v>
      </c>
      <c r="K45" s="105">
        <v>1.39</v>
      </c>
      <c r="L45" s="106">
        <v>410303</v>
      </c>
      <c r="M45" s="107" t="s">
        <v>52</v>
      </c>
      <c r="N45" s="108">
        <v>5.88</v>
      </c>
      <c r="O45" s="109">
        <v>409795</v>
      </c>
      <c r="P45" s="100" t="s">
        <v>59</v>
      </c>
      <c r="Q45" s="146">
        <v>-0.12</v>
      </c>
      <c r="S45" s="42"/>
    </row>
    <row r="46" spans="1:54" ht="19.5" customHeight="1" thickTop="1" thickBot="1" x14ac:dyDescent="0.2">
      <c r="A46" s="152" t="s">
        <v>67</v>
      </c>
      <c r="B46" s="153"/>
      <c r="C46" s="114" t="s">
        <v>52</v>
      </c>
      <c r="D46" s="111" t="s">
        <v>52</v>
      </c>
      <c r="E46" s="113" t="s">
        <v>52</v>
      </c>
      <c r="F46" s="110" t="s">
        <v>52</v>
      </c>
      <c r="G46" s="111" t="s">
        <v>52</v>
      </c>
      <c r="H46" s="150"/>
      <c r="I46" s="115" t="s">
        <v>52</v>
      </c>
      <c r="J46" s="104" t="s">
        <v>52</v>
      </c>
      <c r="K46" s="116" t="s">
        <v>52</v>
      </c>
      <c r="L46" s="117" t="s">
        <v>52</v>
      </c>
      <c r="M46" s="107" t="s">
        <v>52</v>
      </c>
      <c r="N46" s="118" t="s">
        <v>52</v>
      </c>
      <c r="O46" s="112" t="s">
        <v>52</v>
      </c>
      <c r="P46" s="100" t="s">
        <v>55</v>
      </c>
      <c r="Q46" s="147" t="s">
        <v>57</v>
      </c>
      <c r="R46" s="83"/>
      <c r="S46" s="42"/>
      <c r="T46" s="83"/>
      <c r="U46" s="83"/>
      <c r="V46" s="83"/>
      <c r="W46" s="83"/>
      <c r="X46" s="83"/>
      <c r="Y46" s="83"/>
      <c r="Z46" s="83"/>
      <c r="AA46" s="83"/>
      <c r="AB46" s="83"/>
      <c r="AC46" s="83"/>
      <c r="AD46" s="83"/>
      <c r="AE46" s="83"/>
      <c r="AF46" s="83"/>
      <c r="AG46" s="83"/>
      <c r="AH46" s="83"/>
      <c r="AI46" s="83"/>
      <c r="AJ46" s="83"/>
      <c r="AK46" s="83"/>
      <c r="AL46" s="83"/>
    </row>
    <row r="47" spans="1:54" ht="19.5" customHeight="1" thickTop="1" thickBot="1" x14ac:dyDescent="0.2">
      <c r="A47" s="154" t="s">
        <v>68</v>
      </c>
      <c r="B47" s="155"/>
      <c r="C47" s="122">
        <v>384591</v>
      </c>
      <c r="D47" s="123" t="s">
        <v>52</v>
      </c>
      <c r="E47" s="121">
        <v>6.09</v>
      </c>
      <c r="F47" s="119">
        <v>382218</v>
      </c>
      <c r="G47" s="124" t="s">
        <v>52</v>
      </c>
      <c r="H47" s="151">
        <v>-0.62</v>
      </c>
      <c r="I47" s="125">
        <v>387521</v>
      </c>
      <c r="J47" s="126" t="s">
        <v>52</v>
      </c>
      <c r="K47" s="127">
        <v>1.39</v>
      </c>
      <c r="L47" s="128">
        <v>410303</v>
      </c>
      <c r="M47" s="129" t="s">
        <v>52</v>
      </c>
      <c r="N47" s="130">
        <v>5.88</v>
      </c>
      <c r="O47" s="131">
        <v>409795</v>
      </c>
      <c r="P47" s="120" t="s">
        <v>60</v>
      </c>
      <c r="Q47" s="148">
        <v>-0.12</v>
      </c>
      <c r="S47" s="42"/>
    </row>
  </sheetData>
  <mergeCells count="9">
    <mergeCell ref="I3:K3"/>
    <mergeCell ref="L3:N3"/>
    <mergeCell ref="O3:Q3"/>
    <mergeCell ref="A3:B5"/>
    <mergeCell ref="A45:B45"/>
    <mergeCell ref="A46:B46"/>
    <mergeCell ref="A47:B47"/>
    <mergeCell ref="C3:E3"/>
    <mergeCell ref="F3:H3"/>
  </mergeCells>
  <phoneticPr fontId="3"/>
  <printOptions horizontalCentered="1" gridLinesSet="0"/>
  <pageMargins left="0.59055118110236227" right="0.59055118110236227" top="0.59055118110236227" bottom="0.59055118110236227" header="0.51181102362204722" footer="0.19685039370078741"/>
  <pageSetup paperSize="9" scale="90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一人当たり退諸費</vt:lpstr>
      <vt:lpstr>一人当たり退諸費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dcterms:created xsi:type="dcterms:W3CDTF">2018-03-07T07:41:47Z</dcterms:created>
  <dcterms:modified xsi:type="dcterms:W3CDTF">2018-03-09T01:36:16Z</dcterms:modified>
</cp:coreProperties>
</file>